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データ_HP掲載用\R3.6月\"/>
    </mc:Choice>
  </mc:AlternateContent>
  <xr:revisionPtr revIDLastSave="0" documentId="13_ncr:1_{C92F5BE3-3F47-4DF6-B7CD-70069B1311B4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3年 5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5" xfId="1" applyFont="1" applyBorder="1" applyAlignment="1">
      <alignment horizontal="center" vertical="center"/>
    </xf>
    <xf numFmtId="38" fontId="19" fillId="0" borderId="16" xfId="1" applyFont="1" applyBorder="1" applyAlignment="1">
      <alignment horizontal="center" vertical="center"/>
    </xf>
    <xf numFmtId="38" fontId="19" fillId="0" borderId="17" xfId="1" applyFont="1" applyBorder="1" applyAlignment="1">
      <alignment horizontal="center" vertical="center"/>
    </xf>
    <xf numFmtId="38" fontId="19" fillId="0" borderId="18" xfId="1" applyFont="1" applyBorder="1" applyAlignment="1">
      <alignment horizontal="center" vertical="center"/>
    </xf>
    <xf numFmtId="38" fontId="19" fillId="0" borderId="19" xfId="1" applyFont="1" applyBorder="1" applyAlignment="1">
      <alignment horizontal="center" vertical="center"/>
    </xf>
    <xf numFmtId="38" fontId="19" fillId="0" borderId="20" xfId="1" applyFont="1" applyBorder="1" applyAlignment="1">
      <alignment horizontal="center" vertical="center"/>
    </xf>
    <xf numFmtId="38" fontId="19" fillId="0" borderId="21" xfId="1" applyFont="1" applyBorder="1" applyAlignment="1">
      <alignment horizontal="center" vertical="center"/>
    </xf>
    <xf numFmtId="38" fontId="19" fillId="0" borderId="22" xfId="1" applyFont="1" applyBorder="1" applyAlignment="1">
      <alignment horizontal="center" vertical="center"/>
    </xf>
    <xf numFmtId="38" fontId="19" fillId="0" borderId="23" xfId="1" applyFont="1" applyBorder="1" applyAlignment="1">
      <alignment horizontal="center" vertical="center"/>
    </xf>
    <xf numFmtId="0" fontId="19" fillId="0" borderId="24" xfId="0" applyFont="1" applyBorder="1" applyAlignment="1">
      <alignment horizontal="center" vertical="center"/>
    </xf>
    <xf numFmtId="0" fontId="19" fillId="0" borderId="25" xfId="0" applyFont="1" applyBorder="1" applyAlignment="1">
      <alignment horizontal="center" vertical="center"/>
    </xf>
    <xf numFmtId="0" fontId="19" fillId="0" borderId="26" xfId="0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5" t="s">
        <v>52</v>
      </c>
      <c r="B1" s="15"/>
      <c r="C1" s="15"/>
      <c r="D1" s="15"/>
      <c r="E1" s="15"/>
      <c r="F1" s="15"/>
      <c r="G1" s="15"/>
      <c r="H1" s="15"/>
      <c r="I1" s="15"/>
      <c r="J1" s="15"/>
      <c r="K1" s="15"/>
      <c r="L1" s="15"/>
      <c r="M1" s="15"/>
      <c r="N1" s="15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25" t="s">
        <v>38</v>
      </c>
      <c r="B4" s="16" t="s">
        <v>45</v>
      </c>
      <c r="C4" s="17"/>
      <c r="D4" s="17"/>
      <c r="E4" s="18"/>
      <c r="F4" s="22" t="s">
        <v>46</v>
      </c>
      <c r="G4" s="23"/>
      <c r="H4" s="23"/>
      <c r="I4" s="23"/>
      <c r="J4" s="23"/>
      <c r="K4" s="23"/>
      <c r="L4" s="23"/>
      <c r="M4" s="23"/>
      <c r="N4" s="24"/>
    </row>
    <row r="5" spans="1:14" ht="15" customHeight="1" x14ac:dyDescent="0.4">
      <c r="A5" s="26"/>
      <c r="B5" s="19"/>
      <c r="C5" s="20"/>
      <c r="D5" s="20"/>
      <c r="E5" s="21"/>
      <c r="F5" s="22" t="s">
        <v>47</v>
      </c>
      <c r="G5" s="23"/>
      <c r="H5" s="24"/>
      <c r="I5" s="22" t="s">
        <v>48</v>
      </c>
      <c r="J5" s="23"/>
      <c r="K5" s="24"/>
      <c r="L5" s="22" t="s">
        <v>49</v>
      </c>
      <c r="M5" s="23"/>
      <c r="N5" s="24"/>
    </row>
    <row r="6" spans="1:14" ht="15" customHeight="1" x14ac:dyDescent="0.4">
      <c r="A6" s="27"/>
      <c r="B6" s="5" t="s">
        <v>42</v>
      </c>
      <c r="C6" s="6" t="s">
        <v>43</v>
      </c>
      <c r="D6" s="12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71</v>
      </c>
      <c r="C7" s="9">
        <v>7</v>
      </c>
      <c r="D7" s="13">
        <v>5</v>
      </c>
      <c r="E7" s="10">
        <v>1083</v>
      </c>
      <c r="F7" s="8">
        <v>1168</v>
      </c>
      <c r="G7" s="9">
        <v>1198</v>
      </c>
      <c r="H7" s="10">
        <v>2366</v>
      </c>
      <c r="I7" s="8">
        <v>8</v>
      </c>
      <c r="J7" s="9">
        <v>5</v>
      </c>
      <c r="K7" s="10">
        <v>13</v>
      </c>
      <c r="L7" s="8">
        <v>1176</v>
      </c>
      <c r="M7" s="9">
        <v>1203</v>
      </c>
      <c r="N7" s="10">
        <v>2379</v>
      </c>
    </row>
    <row r="8" spans="1:14" ht="18" customHeight="1" x14ac:dyDescent="0.4">
      <c r="A8" s="2" t="s">
        <v>1</v>
      </c>
      <c r="B8" s="8">
        <v>496</v>
      </c>
      <c r="C8" s="9">
        <v>8</v>
      </c>
      <c r="D8" s="13">
        <v>6</v>
      </c>
      <c r="E8" s="10">
        <v>510</v>
      </c>
      <c r="F8" s="8">
        <v>445</v>
      </c>
      <c r="G8" s="9">
        <v>396</v>
      </c>
      <c r="H8" s="10">
        <v>841</v>
      </c>
      <c r="I8" s="8">
        <v>15</v>
      </c>
      <c r="J8" s="9">
        <v>1</v>
      </c>
      <c r="K8" s="10">
        <v>16</v>
      </c>
      <c r="L8" s="8">
        <v>460</v>
      </c>
      <c r="M8" s="9">
        <v>397</v>
      </c>
      <c r="N8" s="10">
        <v>857</v>
      </c>
    </row>
    <row r="9" spans="1:14" ht="18" customHeight="1" x14ac:dyDescent="0.4">
      <c r="A9" s="2" t="s">
        <v>2</v>
      </c>
      <c r="B9" s="8">
        <v>2288</v>
      </c>
      <c r="C9" s="9">
        <v>19</v>
      </c>
      <c r="D9" s="13">
        <v>11</v>
      </c>
      <c r="E9" s="10">
        <v>2318</v>
      </c>
      <c r="F9" s="8">
        <v>2189</v>
      </c>
      <c r="G9" s="9">
        <v>2177</v>
      </c>
      <c r="H9" s="10">
        <v>4366</v>
      </c>
      <c r="I9" s="8">
        <v>19</v>
      </c>
      <c r="J9" s="9">
        <v>15</v>
      </c>
      <c r="K9" s="10">
        <v>34</v>
      </c>
      <c r="L9" s="8">
        <v>2208</v>
      </c>
      <c r="M9" s="9">
        <v>2192</v>
      </c>
      <c r="N9" s="10">
        <v>4400</v>
      </c>
    </row>
    <row r="10" spans="1:14" ht="18" customHeight="1" x14ac:dyDescent="0.4">
      <c r="A10" s="2" t="s">
        <v>3</v>
      </c>
      <c r="B10" s="8">
        <v>2324</v>
      </c>
      <c r="C10" s="9">
        <v>22</v>
      </c>
      <c r="D10" s="13">
        <v>30</v>
      </c>
      <c r="E10" s="10">
        <v>2376</v>
      </c>
      <c r="F10" s="8">
        <v>2325</v>
      </c>
      <c r="G10" s="9">
        <v>2481</v>
      </c>
      <c r="H10" s="10">
        <v>4806</v>
      </c>
      <c r="I10" s="8">
        <v>38</v>
      </c>
      <c r="J10" s="9">
        <v>31</v>
      </c>
      <c r="K10" s="10">
        <v>69</v>
      </c>
      <c r="L10" s="8">
        <v>2363</v>
      </c>
      <c r="M10" s="9">
        <v>2512</v>
      </c>
      <c r="N10" s="10">
        <v>4875</v>
      </c>
    </row>
    <row r="11" spans="1:14" ht="18" customHeight="1" x14ac:dyDescent="0.4">
      <c r="A11" s="2" t="s">
        <v>4</v>
      </c>
      <c r="B11" s="8">
        <v>1066</v>
      </c>
      <c r="C11" s="9">
        <v>4</v>
      </c>
      <c r="D11" s="13">
        <v>3</v>
      </c>
      <c r="E11" s="10">
        <v>1073</v>
      </c>
      <c r="F11" s="8">
        <v>928</v>
      </c>
      <c r="G11" s="9">
        <v>1063</v>
      </c>
      <c r="H11" s="10">
        <v>1991</v>
      </c>
      <c r="I11" s="8">
        <v>7</v>
      </c>
      <c r="J11" s="9">
        <v>1</v>
      </c>
      <c r="K11" s="10">
        <v>8</v>
      </c>
      <c r="L11" s="8">
        <v>935</v>
      </c>
      <c r="M11" s="9">
        <v>1064</v>
      </c>
      <c r="N11" s="10">
        <v>1999</v>
      </c>
    </row>
    <row r="12" spans="1:14" ht="18" customHeight="1" x14ac:dyDescent="0.4">
      <c r="A12" s="2" t="s">
        <v>5</v>
      </c>
      <c r="B12" s="8">
        <v>730</v>
      </c>
      <c r="C12" s="9">
        <v>6</v>
      </c>
      <c r="D12" s="13">
        <v>3</v>
      </c>
      <c r="E12" s="10">
        <v>739</v>
      </c>
      <c r="F12" s="8">
        <v>691</v>
      </c>
      <c r="G12" s="9">
        <v>734</v>
      </c>
      <c r="H12" s="10">
        <v>1425</v>
      </c>
      <c r="I12" s="8">
        <v>12</v>
      </c>
      <c r="J12" s="9">
        <v>10</v>
      </c>
      <c r="K12" s="10">
        <v>22</v>
      </c>
      <c r="L12" s="8">
        <v>703</v>
      </c>
      <c r="M12" s="9">
        <v>744</v>
      </c>
      <c r="N12" s="10">
        <v>1447</v>
      </c>
    </row>
    <row r="13" spans="1:14" ht="18" customHeight="1" x14ac:dyDescent="0.4">
      <c r="A13" s="2" t="s">
        <v>6</v>
      </c>
      <c r="B13" s="8">
        <v>664</v>
      </c>
      <c r="C13" s="9">
        <v>4</v>
      </c>
      <c r="D13" s="13">
        <v>5</v>
      </c>
      <c r="E13" s="10">
        <v>673</v>
      </c>
      <c r="F13" s="8">
        <v>719</v>
      </c>
      <c r="G13" s="9">
        <v>681</v>
      </c>
      <c r="H13" s="10">
        <v>1400</v>
      </c>
      <c r="I13" s="8">
        <v>8</v>
      </c>
      <c r="J13" s="9">
        <v>6</v>
      </c>
      <c r="K13" s="10">
        <v>14</v>
      </c>
      <c r="L13" s="8">
        <v>727</v>
      </c>
      <c r="M13" s="9">
        <v>687</v>
      </c>
      <c r="N13" s="10">
        <v>1414</v>
      </c>
    </row>
    <row r="14" spans="1:14" ht="18" customHeight="1" x14ac:dyDescent="0.4">
      <c r="A14" s="2" t="s">
        <v>7</v>
      </c>
      <c r="B14" s="8">
        <v>320</v>
      </c>
      <c r="C14" s="9">
        <v>9</v>
      </c>
      <c r="D14" s="13">
        <v>3</v>
      </c>
      <c r="E14" s="10">
        <v>332</v>
      </c>
      <c r="F14" s="8">
        <v>334</v>
      </c>
      <c r="G14" s="9">
        <v>400</v>
      </c>
      <c r="H14" s="10">
        <v>734</v>
      </c>
      <c r="I14" s="8">
        <v>9</v>
      </c>
      <c r="J14" s="9">
        <v>6</v>
      </c>
      <c r="K14" s="10">
        <v>15</v>
      </c>
      <c r="L14" s="8">
        <v>343</v>
      </c>
      <c r="M14" s="9">
        <v>406</v>
      </c>
      <c r="N14" s="10">
        <v>749</v>
      </c>
    </row>
    <row r="15" spans="1:14" ht="18" customHeight="1" x14ac:dyDescent="0.4">
      <c r="A15" s="2" t="s">
        <v>8</v>
      </c>
      <c r="B15" s="8">
        <v>1489</v>
      </c>
      <c r="C15" s="9">
        <v>50</v>
      </c>
      <c r="D15" s="13">
        <v>15</v>
      </c>
      <c r="E15" s="10">
        <v>1554</v>
      </c>
      <c r="F15" s="8">
        <v>1230</v>
      </c>
      <c r="G15" s="9">
        <v>1235</v>
      </c>
      <c r="H15" s="10">
        <v>2465</v>
      </c>
      <c r="I15" s="8">
        <v>51</v>
      </c>
      <c r="J15" s="9">
        <v>36</v>
      </c>
      <c r="K15" s="10">
        <v>87</v>
      </c>
      <c r="L15" s="8">
        <v>1281</v>
      </c>
      <c r="M15" s="9">
        <v>1271</v>
      </c>
      <c r="N15" s="10">
        <v>2552</v>
      </c>
    </row>
    <row r="16" spans="1:14" ht="18" customHeight="1" x14ac:dyDescent="0.4">
      <c r="A16" s="2" t="s">
        <v>9</v>
      </c>
      <c r="B16" s="8">
        <v>3181</v>
      </c>
      <c r="C16" s="9">
        <v>62</v>
      </c>
      <c r="D16" s="13">
        <v>32</v>
      </c>
      <c r="E16" s="10">
        <v>3275</v>
      </c>
      <c r="F16" s="8">
        <v>3102</v>
      </c>
      <c r="G16" s="9">
        <v>3477</v>
      </c>
      <c r="H16" s="10">
        <v>6579</v>
      </c>
      <c r="I16" s="8">
        <v>57</v>
      </c>
      <c r="J16" s="9">
        <v>68</v>
      </c>
      <c r="K16" s="10">
        <v>125</v>
      </c>
      <c r="L16" s="8">
        <v>3159</v>
      </c>
      <c r="M16" s="9">
        <v>3545</v>
      </c>
      <c r="N16" s="10">
        <v>6704</v>
      </c>
    </row>
    <row r="17" spans="1:14" ht="18" customHeight="1" x14ac:dyDescent="0.4">
      <c r="A17" s="2" t="s">
        <v>10</v>
      </c>
      <c r="B17" s="8">
        <v>1870</v>
      </c>
      <c r="C17" s="9">
        <v>49</v>
      </c>
      <c r="D17" s="13">
        <v>16</v>
      </c>
      <c r="E17" s="10">
        <v>1935</v>
      </c>
      <c r="F17" s="8">
        <v>1789</v>
      </c>
      <c r="G17" s="9">
        <v>1892</v>
      </c>
      <c r="H17" s="10">
        <v>3681</v>
      </c>
      <c r="I17" s="8">
        <v>55</v>
      </c>
      <c r="J17" s="9">
        <v>19</v>
      </c>
      <c r="K17" s="10">
        <v>74</v>
      </c>
      <c r="L17" s="8">
        <v>1844</v>
      </c>
      <c r="M17" s="9">
        <v>1911</v>
      </c>
      <c r="N17" s="10">
        <v>3755</v>
      </c>
    </row>
    <row r="18" spans="1:14" ht="18" customHeight="1" x14ac:dyDescent="0.4">
      <c r="A18" s="2" t="s">
        <v>11</v>
      </c>
      <c r="B18" s="8">
        <v>648</v>
      </c>
      <c r="C18" s="9">
        <v>4</v>
      </c>
      <c r="D18" s="13">
        <v>1</v>
      </c>
      <c r="E18" s="10">
        <v>653</v>
      </c>
      <c r="F18" s="8">
        <v>629</v>
      </c>
      <c r="G18" s="9">
        <v>630</v>
      </c>
      <c r="H18" s="10">
        <v>1259</v>
      </c>
      <c r="I18" s="8">
        <v>5</v>
      </c>
      <c r="J18" s="9">
        <v>0</v>
      </c>
      <c r="K18" s="10">
        <v>5</v>
      </c>
      <c r="L18" s="8">
        <v>634</v>
      </c>
      <c r="M18" s="9">
        <v>630</v>
      </c>
      <c r="N18" s="10">
        <v>1264</v>
      </c>
    </row>
    <row r="19" spans="1:14" ht="18" customHeight="1" x14ac:dyDescent="0.4">
      <c r="A19" s="2" t="s">
        <v>12</v>
      </c>
      <c r="B19" s="8">
        <v>2265</v>
      </c>
      <c r="C19" s="9">
        <v>29</v>
      </c>
      <c r="D19" s="13">
        <v>19</v>
      </c>
      <c r="E19" s="10">
        <v>2313</v>
      </c>
      <c r="F19" s="8">
        <v>2197</v>
      </c>
      <c r="G19" s="9">
        <v>2393</v>
      </c>
      <c r="H19" s="10">
        <v>4590</v>
      </c>
      <c r="I19" s="8">
        <v>33</v>
      </c>
      <c r="J19" s="9">
        <v>18</v>
      </c>
      <c r="K19" s="10">
        <v>51</v>
      </c>
      <c r="L19" s="8">
        <v>2230</v>
      </c>
      <c r="M19" s="9">
        <v>2411</v>
      </c>
      <c r="N19" s="10">
        <v>4641</v>
      </c>
    </row>
    <row r="20" spans="1:14" ht="18" customHeight="1" x14ac:dyDescent="0.4">
      <c r="A20" s="2" t="s">
        <v>13</v>
      </c>
      <c r="B20" s="8">
        <v>1631</v>
      </c>
      <c r="C20" s="9">
        <v>13</v>
      </c>
      <c r="D20" s="13">
        <v>17</v>
      </c>
      <c r="E20" s="10">
        <v>1661</v>
      </c>
      <c r="F20" s="8">
        <v>1939</v>
      </c>
      <c r="G20" s="9">
        <v>2052</v>
      </c>
      <c r="H20" s="10">
        <v>3991</v>
      </c>
      <c r="I20" s="8">
        <v>26</v>
      </c>
      <c r="J20" s="9">
        <v>16</v>
      </c>
      <c r="K20" s="10">
        <v>42</v>
      </c>
      <c r="L20" s="8">
        <v>1965</v>
      </c>
      <c r="M20" s="9">
        <v>2068</v>
      </c>
      <c r="N20" s="10">
        <v>4033</v>
      </c>
    </row>
    <row r="21" spans="1:14" ht="18" customHeight="1" x14ac:dyDescent="0.4">
      <c r="A21" s="2" t="s">
        <v>14</v>
      </c>
      <c r="B21" s="8">
        <v>1140</v>
      </c>
      <c r="C21" s="9">
        <v>37</v>
      </c>
      <c r="D21" s="13">
        <v>14</v>
      </c>
      <c r="E21" s="10">
        <v>1191</v>
      </c>
      <c r="F21" s="8">
        <v>1102</v>
      </c>
      <c r="G21" s="9">
        <v>1253</v>
      </c>
      <c r="H21" s="10">
        <v>2355</v>
      </c>
      <c r="I21" s="8">
        <v>43</v>
      </c>
      <c r="J21" s="9">
        <v>21</v>
      </c>
      <c r="K21" s="10">
        <v>64</v>
      </c>
      <c r="L21" s="8">
        <v>1145</v>
      </c>
      <c r="M21" s="9">
        <v>1274</v>
      </c>
      <c r="N21" s="10">
        <v>2419</v>
      </c>
    </row>
    <row r="22" spans="1:14" ht="18" customHeight="1" x14ac:dyDescent="0.4">
      <c r="A22" s="2" t="s">
        <v>15</v>
      </c>
      <c r="B22" s="8">
        <v>998</v>
      </c>
      <c r="C22" s="9">
        <v>12</v>
      </c>
      <c r="D22" s="13">
        <v>9</v>
      </c>
      <c r="E22" s="10">
        <v>1019</v>
      </c>
      <c r="F22" s="8">
        <v>1017</v>
      </c>
      <c r="G22" s="9">
        <v>1057</v>
      </c>
      <c r="H22" s="10">
        <v>2074</v>
      </c>
      <c r="I22" s="8">
        <v>21</v>
      </c>
      <c r="J22" s="9">
        <v>12</v>
      </c>
      <c r="K22" s="10">
        <v>33</v>
      </c>
      <c r="L22" s="8">
        <v>1038</v>
      </c>
      <c r="M22" s="9">
        <v>1069</v>
      </c>
      <c r="N22" s="10">
        <v>2107</v>
      </c>
    </row>
    <row r="23" spans="1:14" ht="18" customHeight="1" x14ac:dyDescent="0.4">
      <c r="A23" s="2" t="s">
        <v>16</v>
      </c>
      <c r="B23" s="8">
        <v>2049</v>
      </c>
      <c r="C23" s="9">
        <v>16</v>
      </c>
      <c r="D23" s="13">
        <v>12</v>
      </c>
      <c r="E23" s="10">
        <v>2077</v>
      </c>
      <c r="F23" s="8">
        <v>2358</v>
      </c>
      <c r="G23" s="9">
        <v>2553</v>
      </c>
      <c r="H23" s="10">
        <v>4911</v>
      </c>
      <c r="I23" s="8">
        <v>22</v>
      </c>
      <c r="J23" s="9">
        <v>19</v>
      </c>
      <c r="K23" s="10">
        <v>41</v>
      </c>
      <c r="L23" s="8">
        <v>2380</v>
      </c>
      <c r="M23" s="9">
        <v>2572</v>
      </c>
      <c r="N23" s="10">
        <v>4952</v>
      </c>
    </row>
    <row r="24" spans="1:14" ht="18" customHeight="1" x14ac:dyDescent="0.4">
      <c r="A24" s="2" t="s">
        <v>17</v>
      </c>
      <c r="B24" s="8">
        <v>4908</v>
      </c>
      <c r="C24" s="9">
        <v>45</v>
      </c>
      <c r="D24" s="13">
        <v>35</v>
      </c>
      <c r="E24" s="10">
        <v>4988</v>
      </c>
      <c r="F24" s="8">
        <v>5829</v>
      </c>
      <c r="G24" s="9">
        <v>6286</v>
      </c>
      <c r="H24" s="10">
        <v>12115</v>
      </c>
      <c r="I24" s="8">
        <v>64</v>
      </c>
      <c r="J24" s="9">
        <v>38</v>
      </c>
      <c r="K24" s="10">
        <v>102</v>
      </c>
      <c r="L24" s="8">
        <v>5893</v>
      </c>
      <c r="M24" s="9">
        <v>6324</v>
      </c>
      <c r="N24" s="10">
        <v>12217</v>
      </c>
    </row>
    <row r="25" spans="1:14" ht="18" customHeight="1" x14ac:dyDescent="0.4">
      <c r="A25" s="2" t="s">
        <v>18</v>
      </c>
      <c r="B25" s="8">
        <v>2603</v>
      </c>
      <c r="C25" s="9">
        <v>28</v>
      </c>
      <c r="D25" s="13">
        <v>16</v>
      </c>
      <c r="E25" s="10">
        <v>2647</v>
      </c>
      <c r="F25" s="8">
        <v>3116</v>
      </c>
      <c r="G25" s="9">
        <v>3239</v>
      </c>
      <c r="H25" s="10">
        <v>6355</v>
      </c>
      <c r="I25" s="8">
        <v>32</v>
      </c>
      <c r="J25" s="9">
        <v>29</v>
      </c>
      <c r="K25" s="10">
        <v>61</v>
      </c>
      <c r="L25" s="8">
        <v>3148</v>
      </c>
      <c r="M25" s="9">
        <v>3268</v>
      </c>
      <c r="N25" s="10">
        <v>6416</v>
      </c>
    </row>
    <row r="26" spans="1:14" ht="18" customHeight="1" x14ac:dyDescent="0.4">
      <c r="A26" s="2" t="s">
        <v>19</v>
      </c>
      <c r="B26" s="8">
        <v>220</v>
      </c>
      <c r="C26" s="9">
        <v>1</v>
      </c>
      <c r="D26" s="13">
        <v>0</v>
      </c>
      <c r="E26" s="10">
        <v>221</v>
      </c>
      <c r="F26" s="8">
        <v>183</v>
      </c>
      <c r="G26" s="9">
        <v>174</v>
      </c>
      <c r="H26" s="10">
        <v>357</v>
      </c>
      <c r="I26" s="8">
        <v>2</v>
      </c>
      <c r="J26" s="9">
        <v>1</v>
      </c>
      <c r="K26" s="10">
        <v>3</v>
      </c>
      <c r="L26" s="8">
        <v>185</v>
      </c>
      <c r="M26" s="9">
        <v>175</v>
      </c>
      <c r="N26" s="10">
        <v>360</v>
      </c>
    </row>
    <row r="27" spans="1:14" ht="18" customHeight="1" x14ac:dyDescent="0.4">
      <c r="A27" s="2" t="s">
        <v>20</v>
      </c>
      <c r="B27" s="8">
        <v>1916</v>
      </c>
      <c r="C27" s="9">
        <v>21</v>
      </c>
      <c r="D27" s="13">
        <v>12</v>
      </c>
      <c r="E27" s="10">
        <v>1949</v>
      </c>
      <c r="F27" s="8">
        <v>2158</v>
      </c>
      <c r="G27" s="9">
        <v>2168</v>
      </c>
      <c r="H27" s="10">
        <v>4326</v>
      </c>
      <c r="I27" s="8">
        <v>15</v>
      </c>
      <c r="J27" s="9">
        <v>22</v>
      </c>
      <c r="K27" s="10">
        <v>37</v>
      </c>
      <c r="L27" s="8">
        <v>2173</v>
      </c>
      <c r="M27" s="9">
        <v>2190</v>
      </c>
      <c r="N27" s="10">
        <v>4363</v>
      </c>
    </row>
    <row r="28" spans="1:14" ht="18" customHeight="1" x14ac:dyDescent="0.4">
      <c r="A28" s="2" t="s">
        <v>21</v>
      </c>
      <c r="B28" s="8">
        <v>840</v>
      </c>
      <c r="C28" s="9">
        <v>17</v>
      </c>
      <c r="D28" s="13">
        <v>10</v>
      </c>
      <c r="E28" s="10">
        <v>867</v>
      </c>
      <c r="F28" s="8">
        <v>1031</v>
      </c>
      <c r="G28" s="9">
        <v>1084</v>
      </c>
      <c r="H28" s="10">
        <v>2115</v>
      </c>
      <c r="I28" s="8">
        <v>24</v>
      </c>
      <c r="J28" s="9">
        <v>13</v>
      </c>
      <c r="K28" s="10">
        <v>37</v>
      </c>
      <c r="L28" s="8">
        <v>1055</v>
      </c>
      <c r="M28" s="9">
        <v>1097</v>
      </c>
      <c r="N28" s="10">
        <v>2152</v>
      </c>
    </row>
    <row r="29" spans="1:14" ht="18" customHeight="1" x14ac:dyDescent="0.4">
      <c r="A29" s="2" t="s">
        <v>22</v>
      </c>
      <c r="B29" s="8">
        <v>2448</v>
      </c>
      <c r="C29" s="9">
        <v>42</v>
      </c>
      <c r="D29" s="13">
        <v>21</v>
      </c>
      <c r="E29" s="10">
        <v>2511</v>
      </c>
      <c r="F29" s="8">
        <v>2445</v>
      </c>
      <c r="G29" s="9">
        <v>2605</v>
      </c>
      <c r="H29" s="10">
        <v>5050</v>
      </c>
      <c r="I29" s="8">
        <v>49</v>
      </c>
      <c r="J29" s="9">
        <v>35</v>
      </c>
      <c r="K29" s="10">
        <v>84</v>
      </c>
      <c r="L29" s="8">
        <v>2494</v>
      </c>
      <c r="M29" s="9">
        <v>2640</v>
      </c>
      <c r="N29" s="10">
        <v>5134</v>
      </c>
    </row>
    <row r="30" spans="1:14" ht="18" customHeight="1" x14ac:dyDescent="0.4">
      <c r="A30" s="2" t="s">
        <v>23</v>
      </c>
      <c r="B30" s="8">
        <v>2394</v>
      </c>
      <c r="C30" s="9">
        <v>53</v>
      </c>
      <c r="D30" s="13">
        <v>6</v>
      </c>
      <c r="E30" s="10">
        <v>2453</v>
      </c>
      <c r="F30" s="8">
        <v>2764</v>
      </c>
      <c r="G30" s="9">
        <v>2944</v>
      </c>
      <c r="H30" s="10">
        <v>5708</v>
      </c>
      <c r="I30" s="8">
        <v>54</v>
      </c>
      <c r="J30" s="9">
        <v>6</v>
      </c>
      <c r="K30" s="10">
        <v>60</v>
      </c>
      <c r="L30" s="8">
        <v>2818</v>
      </c>
      <c r="M30" s="9">
        <v>2950</v>
      </c>
      <c r="N30" s="10">
        <v>5768</v>
      </c>
    </row>
    <row r="31" spans="1:14" ht="18" customHeight="1" x14ac:dyDescent="0.4">
      <c r="A31" s="2" t="s">
        <v>24</v>
      </c>
      <c r="B31" s="8">
        <v>1260</v>
      </c>
      <c r="C31" s="9">
        <v>12</v>
      </c>
      <c r="D31" s="13">
        <v>12</v>
      </c>
      <c r="E31" s="10">
        <v>1284</v>
      </c>
      <c r="F31" s="8">
        <v>1329</v>
      </c>
      <c r="G31" s="9">
        <v>1423</v>
      </c>
      <c r="H31" s="10">
        <v>2752</v>
      </c>
      <c r="I31" s="8">
        <v>16</v>
      </c>
      <c r="J31" s="9">
        <v>12</v>
      </c>
      <c r="K31" s="10">
        <v>28</v>
      </c>
      <c r="L31" s="8">
        <v>1345</v>
      </c>
      <c r="M31" s="9">
        <v>1435</v>
      </c>
      <c r="N31" s="10">
        <v>2780</v>
      </c>
    </row>
    <row r="32" spans="1:14" ht="18" customHeight="1" x14ac:dyDescent="0.4">
      <c r="A32" s="2" t="s">
        <v>25</v>
      </c>
      <c r="B32" s="8">
        <v>2610</v>
      </c>
      <c r="C32" s="9">
        <v>18</v>
      </c>
      <c r="D32" s="13">
        <v>17</v>
      </c>
      <c r="E32" s="10">
        <v>2645</v>
      </c>
      <c r="F32" s="8">
        <v>3207</v>
      </c>
      <c r="G32" s="9">
        <v>3204</v>
      </c>
      <c r="H32" s="10">
        <v>6411</v>
      </c>
      <c r="I32" s="8">
        <v>29</v>
      </c>
      <c r="J32" s="9">
        <v>22</v>
      </c>
      <c r="K32" s="10">
        <v>51</v>
      </c>
      <c r="L32" s="8">
        <v>3236</v>
      </c>
      <c r="M32" s="9">
        <v>3226</v>
      </c>
      <c r="N32" s="10">
        <v>6462</v>
      </c>
    </row>
    <row r="33" spans="1:14" ht="18" customHeight="1" x14ac:dyDescent="0.4">
      <c r="A33" s="2" t="s">
        <v>26</v>
      </c>
      <c r="B33" s="8">
        <v>3534</v>
      </c>
      <c r="C33" s="9">
        <v>47</v>
      </c>
      <c r="D33" s="13">
        <v>45</v>
      </c>
      <c r="E33" s="10">
        <v>3626</v>
      </c>
      <c r="F33" s="8">
        <v>3898</v>
      </c>
      <c r="G33" s="9">
        <v>4337</v>
      </c>
      <c r="H33" s="10">
        <v>8235</v>
      </c>
      <c r="I33" s="8">
        <v>87</v>
      </c>
      <c r="J33" s="9">
        <v>38</v>
      </c>
      <c r="K33" s="10">
        <v>125</v>
      </c>
      <c r="L33" s="8">
        <v>3985</v>
      </c>
      <c r="M33" s="9">
        <v>4375</v>
      </c>
      <c r="N33" s="10">
        <v>8360</v>
      </c>
    </row>
    <row r="34" spans="1:14" ht="18" customHeight="1" x14ac:dyDescent="0.4">
      <c r="A34" s="2" t="s">
        <v>27</v>
      </c>
      <c r="B34" s="8">
        <v>2023</v>
      </c>
      <c r="C34" s="9">
        <v>22</v>
      </c>
      <c r="D34" s="13">
        <v>14</v>
      </c>
      <c r="E34" s="10">
        <v>2059</v>
      </c>
      <c r="F34" s="8">
        <v>2148</v>
      </c>
      <c r="G34" s="9">
        <v>2187</v>
      </c>
      <c r="H34" s="10">
        <v>4335</v>
      </c>
      <c r="I34" s="8">
        <v>28</v>
      </c>
      <c r="J34" s="9">
        <v>21</v>
      </c>
      <c r="K34" s="10">
        <v>49</v>
      </c>
      <c r="L34" s="8">
        <v>2176</v>
      </c>
      <c r="M34" s="9">
        <v>2208</v>
      </c>
      <c r="N34" s="10">
        <v>4384</v>
      </c>
    </row>
    <row r="35" spans="1:14" ht="18" customHeight="1" x14ac:dyDescent="0.4">
      <c r="A35" s="2" t="s">
        <v>28</v>
      </c>
      <c r="B35" s="8">
        <v>418</v>
      </c>
      <c r="C35" s="9">
        <v>5</v>
      </c>
      <c r="D35" s="13">
        <v>4</v>
      </c>
      <c r="E35" s="10">
        <v>427</v>
      </c>
      <c r="F35" s="8">
        <v>516</v>
      </c>
      <c r="G35" s="9">
        <v>548</v>
      </c>
      <c r="H35" s="10">
        <v>1064</v>
      </c>
      <c r="I35" s="8">
        <v>9</v>
      </c>
      <c r="J35" s="9">
        <v>0</v>
      </c>
      <c r="K35" s="10">
        <v>9</v>
      </c>
      <c r="L35" s="8">
        <v>525</v>
      </c>
      <c r="M35" s="9">
        <v>548</v>
      </c>
      <c r="N35" s="10">
        <v>1073</v>
      </c>
    </row>
    <row r="36" spans="1:14" ht="18" customHeight="1" x14ac:dyDescent="0.4">
      <c r="A36" s="2" t="s">
        <v>29</v>
      </c>
      <c r="B36" s="8">
        <v>3067</v>
      </c>
      <c r="C36" s="9">
        <v>63</v>
      </c>
      <c r="D36" s="13">
        <v>43</v>
      </c>
      <c r="E36" s="10">
        <v>3173</v>
      </c>
      <c r="F36" s="8">
        <v>3330</v>
      </c>
      <c r="G36" s="9">
        <v>3582</v>
      </c>
      <c r="H36" s="10">
        <v>6912</v>
      </c>
      <c r="I36" s="8">
        <v>87</v>
      </c>
      <c r="J36" s="9">
        <v>44</v>
      </c>
      <c r="K36" s="10">
        <v>131</v>
      </c>
      <c r="L36" s="8">
        <v>3417</v>
      </c>
      <c r="M36" s="9">
        <v>3626</v>
      </c>
      <c r="N36" s="10">
        <v>7043</v>
      </c>
    </row>
    <row r="37" spans="1:14" ht="18" customHeight="1" x14ac:dyDescent="0.4">
      <c r="A37" s="2" t="s">
        <v>30</v>
      </c>
      <c r="B37" s="8">
        <v>1732</v>
      </c>
      <c r="C37" s="9">
        <v>31</v>
      </c>
      <c r="D37" s="13">
        <v>20</v>
      </c>
      <c r="E37" s="10">
        <v>1783</v>
      </c>
      <c r="F37" s="8">
        <v>1801</v>
      </c>
      <c r="G37" s="9">
        <v>2130</v>
      </c>
      <c r="H37" s="10">
        <v>3931</v>
      </c>
      <c r="I37" s="8">
        <v>49</v>
      </c>
      <c r="J37" s="9">
        <v>19</v>
      </c>
      <c r="K37" s="10">
        <v>68</v>
      </c>
      <c r="L37" s="8">
        <v>1850</v>
      </c>
      <c r="M37" s="9">
        <v>2149</v>
      </c>
      <c r="N37" s="10">
        <v>3999</v>
      </c>
    </row>
    <row r="38" spans="1:14" ht="18" customHeight="1" x14ac:dyDescent="0.4">
      <c r="A38" s="2" t="s">
        <v>31</v>
      </c>
      <c r="B38" s="8">
        <v>3880</v>
      </c>
      <c r="C38" s="9">
        <v>68</v>
      </c>
      <c r="D38" s="13">
        <v>37</v>
      </c>
      <c r="E38" s="10">
        <v>3985</v>
      </c>
      <c r="F38" s="8">
        <v>4470</v>
      </c>
      <c r="G38" s="9">
        <v>4631</v>
      </c>
      <c r="H38" s="10">
        <v>9101</v>
      </c>
      <c r="I38" s="8">
        <v>85</v>
      </c>
      <c r="J38" s="9">
        <v>39</v>
      </c>
      <c r="K38" s="10">
        <v>124</v>
      </c>
      <c r="L38" s="8">
        <v>4555</v>
      </c>
      <c r="M38" s="9">
        <v>4670</v>
      </c>
      <c r="N38" s="10">
        <v>9225</v>
      </c>
    </row>
    <row r="39" spans="1:14" ht="18" customHeight="1" x14ac:dyDescent="0.4">
      <c r="A39" s="2" t="s">
        <v>32</v>
      </c>
      <c r="B39" s="8">
        <v>1438</v>
      </c>
      <c r="C39" s="9">
        <v>8</v>
      </c>
      <c r="D39" s="13">
        <v>15</v>
      </c>
      <c r="E39" s="10">
        <v>1461</v>
      </c>
      <c r="F39" s="8">
        <v>1705</v>
      </c>
      <c r="G39" s="9">
        <v>1901</v>
      </c>
      <c r="H39" s="10">
        <v>3606</v>
      </c>
      <c r="I39" s="8">
        <v>12</v>
      </c>
      <c r="J39" s="9">
        <v>13</v>
      </c>
      <c r="K39" s="10">
        <v>25</v>
      </c>
      <c r="L39" s="8">
        <v>1717</v>
      </c>
      <c r="M39" s="9">
        <v>1914</v>
      </c>
      <c r="N39" s="10">
        <v>3631</v>
      </c>
    </row>
    <row r="40" spans="1:14" ht="18" customHeight="1" x14ac:dyDescent="0.4">
      <c r="A40" s="2" t="s">
        <v>33</v>
      </c>
      <c r="B40" s="8">
        <v>418</v>
      </c>
      <c r="C40" s="9">
        <v>3</v>
      </c>
      <c r="D40" s="13">
        <v>6</v>
      </c>
      <c r="E40" s="10">
        <v>427</v>
      </c>
      <c r="F40" s="8">
        <v>465</v>
      </c>
      <c r="G40" s="9">
        <v>482</v>
      </c>
      <c r="H40" s="10">
        <v>947</v>
      </c>
      <c r="I40" s="8">
        <v>6</v>
      </c>
      <c r="J40" s="9">
        <v>6</v>
      </c>
      <c r="K40" s="10">
        <v>12</v>
      </c>
      <c r="L40" s="8">
        <v>471</v>
      </c>
      <c r="M40" s="9">
        <v>488</v>
      </c>
      <c r="N40" s="10">
        <v>959</v>
      </c>
    </row>
    <row r="41" spans="1:14" ht="18" customHeight="1" x14ac:dyDescent="0.4">
      <c r="A41" s="2" t="s">
        <v>34</v>
      </c>
      <c r="B41" s="8">
        <v>1118</v>
      </c>
      <c r="C41" s="9">
        <v>14</v>
      </c>
      <c r="D41" s="13">
        <v>7</v>
      </c>
      <c r="E41" s="10">
        <v>1139</v>
      </c>
      <c r="F41" s="8">
        <v>1190</v>
      </c>
      <c r="G41" s="9">
        <v>1242</v>
      </c>
      <c r="H41" s="10">
        <v>2432</v>
      </c>
      <c r="I41" s="8">
        <v>18</v>
      </c>
      <c r="J41" s="9">
        <v>6</v>
      </c>
      <c r="K41" s="10">
        <v>24</v>
      </c>
      <c r="L41" s="8">
        <v>1208</v>
      </c>
      <c r="M41" s="9">
        <v>1248</v>
      </c>
      <c r="N41" s="10">
        <v>2456</v>
      </c>
    </row>
    <row r="42" spans="1:14" ht="18" customHeight="1" x14ac:dyDescent="0.4">
      <c r="A42" s="2" t="s">
        <v>35</v>
      </c>
      <c r="B42" s="8">
        <v>1034</v>
      </c>
      <c r="C42" s="9">
        <v>2</v>
      </c>
      <c r="D42" s="13">
        <v>6</v>
      </c>
      <c r="E42" s="10">
        <v>1042</v>
      </c>
      <c r="F42" s="8">
        <v>1161</v>
      </c>
      <c r="G42" s="9">
        <v>1289</v>
      </c>
      <c r="H42" s="10">
        <v>2450</v>
      </c>
      <c r="I42" s="8">
        <v>6</v>
      </c>
      <c r="J42" s="9">
        <v>3</v>
      </c>
      <c r="K42" s="10">
        <v>9</v>
      </c>
      <c r="L42" s="8">
        <v>1167</v>
      </c>
      <c r="M42" s="9">
        <v>1292</v>
      </c>
      <c r="N42" s="10">
        <v>2459</v>
      </c>
    </row>
    <row r="43" spans="1:14" ht="18" customHeight="1" x14ac:dyDescent="0.4">
      <c r="A43" s="2" t="s">
        <v>36</v>
      </c>
      <c r="B43" s="8">
        <v>1142</v>
      </c>
      <c r="C43" s="9">
        <v>27</v>
      </c>
      <c r="D43" s="13">
        <v>10</v>
      </c>
      <c r="E43" s="10">
        <v>1179</v>
      </c>
      <c r="F43" s="8">
        <v>1327</v>
      </c>
      <c r="G43" s="9">
        <v>1342</v>
      </c>
      <c r="H43" s="10">
        <v>2669</v>
      </c>
      <c r="I43" s="8">
        <v>23</v>
      </c>
      <c r="J43" s="9">
        <v>23</v>
      </c>
      <c r="K43" s="10">
        <v>46</v>
      </c>
      <c r="L43" s="8">
        <v>1350</v>
      </c>
      <c r="M43" s="9">
        <v>1365</v>
      </c>
      <c r="N43" s="10">
        <v>2715</v>
      </c>
    </row>
    <row r="44" spans="1:14" ht="18" customHeight="1" x14ac:dyDescent="0.4">
      <c r="A44" s="2" t="s">
        <v>37</v>
      </c>
      <c r="B44" s="8">
        <v>149</v>
      </c>
      <c r="C44" s="9">
        <v>3</v>
      </c>
      <c r="D44" s="13">
        <v>2</v>
      </c>
      <c r="E44" s="10">
        <v>154</v>
      </c>
      <c r="F44" s="8">
        <v>96</v>
      </c>
      <c r="G44" s="9">
        <v>179</v>
      </c>
      <c r="H44" s="10">
        <v>275</v>
      </c>
      <c r="I44" s="8">
        <v>4</v>
      </c>
      <c r="J44" s="9">
        <v>5</v>
      </c>
      <c r="K44" s="10">
        <v>9</v>
      </c>
      <c r="L44" s="8">
        <v>100</v>
      </c>
      <c r="M44" s="9">
        <v>184</v>
      </c>
      <c r="N44" s="10">
        <v>284</v>
      </c>
    </row>
    <row r="45" spans="1:14" ht="18" customHeight="1" x14ac:dyDescent="0.4">
      <c r="A45" s="2"/>
      <c r="B45" s="8"/>
      <c r="C45" s="9"/>
      <c r="D45" s="13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3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3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3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3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3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3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4" t="s">
        <v>51</v>
      </c>
      <c r="B52" s="8">
        <v>63382</v>
      </c>
      <c r="C52" s="9">
        <v>881</v>
      </c>
      <c r="D52" s="13">
        <v>539</v>
      </c>
      <c r="E52" s="10">
        <v>64802</v>
      </c>
      <c r="F52" s="8">
        <v>68331</v>
      </c>
      <c r="G52" s="9">
        <v>72649</v>
      </c>
      <c r="H52" s="10">
        <v>140980</v>
      </c>
      <c r="I52" s="8">
        <v>1128</v>
      </c>
      <c r="J52" s="9">
        <v>679</v>
      </c>
      <c r="K52" s="10">
        <v>1807</v>
      </c>
      <c r="L52" s="8">
        <v>69459</v>
      </c>
      <c r="M52" s="9">
        <v>73328</v>
      </c>
      <c r="N52" s="10">
        <v>142787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1-06-02T23:55:52Z</dcterms:modified>
</cp:coreProperties>
</file>